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50 dzierzawa duplikatora\"/>
    </mc:Choice>
  </mc:AlternateContent>
  <xr:revisionPtr revIDLastSave="0" documentId="13_ncr:1_{9F647590-3A79-49B2-9914-04E819028473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K7" i="6" s="1"/>
  <c r="K8" i="6" s="1"/>
  <c r="I8" i="6" l="1"/>
  <c r="M7" i="6"/>
  <c r="M8" i="6" s="1"/>
  <c r="L7" i="6" l="1"/>
</calcChain>
</file>

<file path=xl/sharedStrings.xml><?xml version="1.0" encoding="utf-8"?>
<sst xmlns="http://schemas.openxmlformats.org/spreadsheetml/2006/main" count="34" uniqueCount="34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- jeżeli dotyczy, nr katalogowy, producent,  nazwa handlowa (tożsama z nazwą, która będzie widniała na fakturze) </t>
  </si>
  <si>
    <t>Załącznik nr 2 do Zaproszenia</t>
  </si>
  <si>
    <t>część nr 1</t>
  </si>
  <si>
    <t>miesiąc</t>
  </si>
  <si>
    <r>
      <t xml:space="preserve"> Dzierżawa duplikatora wraz z oprogramowaniem do produkcji płyt z wynikami badań dla pacjentów na okres 36 miesięcy.
Zaoferowane urządzenie musi być fabrycznie nowe (nie powystawowe, nie regenerowane, nie refabrykowane), rok produkcji nie wcześniej niż 2021, kompletne i po zainstalowaniu gotowe do podjęcia pracy, bez żadnych dodatkowych zakupów.
Zaoferowane urządzenie musi być dostarczone do Zamawiającego w stanie nienaruszonym, oryginalnie zapakowane przez producenta.
Rozbudowa licencyjna oprogramowania do nagrywania płyt z badaniami i opisami badań dla pacjenta DagostoreMC. Licencja obejmuje obsługę nowego urządzenia.
Urządzenie musi być zintegrowane ze szpitalnym systemem PACS. Dostawcą systemu jest firma: Dagosys M. Pichola, R. Klimek s.c. 93-176 Łódź, ul. Suwalska 25/27
</t>
    </r>
    <r>
      <rPr>
        <b/>
        <u/>
        <sz val="11"/>
        <color rgb="FFFF0000"/>
        <rFont val="Arial"/>
        <family val="2"/>
        <charset val="238"/>
      </rPr>
      <t xml:space="preserve">Po upływie umowy dzierżawy urządzenie wraz dostarczonym oprogramowaniem przechodzi na własność Zamawiającego. </t>
    </r>
  </si>
  <si>
    <t>WZÓR FORMULARZA CENOWEGO - DZPZ/333/150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3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u/>
      <sz val="11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B6EA58"/>
        <bgColor indexed="64"/>
      </patternFill>
    </fill>
    <fill>
      <patternFill patternType="solid">
        <fgColor theme="8" tint="0.79998168889431442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52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0" xfId="0" applyFont="1"/>
    <xf numFmtId="164" fontId="4" fillId="3" borderId="12" xfId="0" applyNumberFormat="1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left" vertical="center" wrapText="1"/>
    </xf>
    <xf numFmtId="164" fontId="4" fillId="4" borderId="12" xfId="0" applyNumberFormat="1" applyFont="1" applyFill="1" applyBorder="1" applyAlignment="1">
      <alignment horizontal="center" vertical="center" wrapText="1"/>
    </xf>
    <xf numFmtId="164" fontId="4" fillId="0" borderId="9" xfId="0" applyNumberFormat="1" applyFont="1" applyBorder="1" applyAlignment="1">
      <alignment horizontal="center" vertical="center" wrapText="1"/>
    </xf>
    <xf numFmtId="9" fontId="4" fillId="0" borderId="9" xfId="6" applyFont="1" applyBorder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1" xfId="0" applyFont="1" applyBorder="1" applyAlignment="1">
      <alignment horizontal="center" wrapText="1"/>
    </xf>
    <xf numFmtId="0" fontId="4" fillId="0" borderId="17" xfId="0" applyFont="1" applyBorder="1" applyAlignment="1">
      <alignment horizontal="center" wrapText="1"/>
    </xf>
    <xf numFmtId="0" fontId="4" fillId="0" borderId="18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4" fillId="5" borderId="25" xfId="0" applyFont="1" applyFill="1" applyBorder="1"/>
    <xf numFmtId="0" fontId="4" fillId="5" borderId="1" xfId="0" applyFont="1" applyFill="1" applyBorder="1" applyAlignment="1">
      <alignment horizontal="center" vertical="center" wrapText="1"/>
    </xf>
    <xf numFmtId="0" fontId="3" fillId="5" borderId="2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5" xfId="0" applyFont="1" applyFill="1" applyBorder="1" applyAlignment="1">
      <alignment horizontal="center" vertical="center" wrapText="1"/>
    </xf>
    <xf numFmtId="0" fontId="3" fillId="5" borderId="6" xfId="0" applyFont="1" applyFill="1" applyBorder="1" applyAlignment="1">
      <alignment horizontal="center" vertical="center" wrapText="1"/>
    </xf>
    <xf numFmtId="0" fontId="3" fillId="5" borderId="7" xfId="0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5" fillId="5" borderId="9" xfId="0" applyFont="1" applyFill="1" applyBorder="1" applyAlignment="1">
      <alignment horizontal="center" vertical="center" wrapText="1"/>
    </xf>
    <xf numFmtId="0" fontId="3" fillId="5" borderId="23" xfId="0" applyFont="1" applyFill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colors>
    <mruColors>
      <color rgb="FFFFCCFF"/>
      <color rgb="FFB6EA5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1"/>
  <sheetViews>
    <sheetView tabSelected="1" workbookViewId="0">
      <selection activeCell="E6" sqref="E6"/>
    </sheetView>
  </sheetViews>
  <sheetFormatPr defaultRowHeight="14.25"/>
  <cols>
    <col min="1" max="1" width="2" customWidth="1"/>
    <col min="2" max="2" width="7.42578125" style="5" customWidth="1"/>
    <col min="3" max="3" width="46.7109375" style="5" customWidth="1"/>
    <col min="4" max="4" width="27.85546875" style="5" customWidth="1"/>
    <col min="5" max="5" width="28.28515625" style="5" customWidth="1"/>
    <col min="6" max="6" width="12.85546875" style="5" customWidth="1"/>
    <col min="7" max="7" width="9.140625" style="5"/>
    <col min="8" max="8" width="14.42578125" style="5" customWidth="1"/>
    <col min="9" max="9" width="15" style="5" customWidth="1"/>
    <col min="10" max="10" width="12.85546875" style="5" bestFit="1" customWidth="1"/>
    <col min="11" max="11" width="15.7109375" style="5" customWidth="1"/>
    <col min="12" max="12" width="13.85546875" style="5" customWidth="1"/>
    <col min="13" max="13" width="15.28515625" style="5" customWidth="1"/>
  </cols>
  <sheetData>
    <row r="2" spans="2:17" ht="15.75" customHeight="1">
      <c r="B2" s="12" t="s">
        <v>33</v>
      </c>
      <c r="C2" s="13"/>
      <c r="D2" s="13"/>
      <c r="E2" s="13"/>
      <c r="F2" s="13"/>
      <c r="G2" s="13"/>
      <c r="H2" s="13"/>
      <c r="I2" s="14"/>
      <c r="J2" s="12" t="s">
        <v>29</v>
      </c>
      <c r="K2" s="13"/>
      <c r="L2" s="13"/>
      <c r="M2" s="14"/>
    </row>
    <row r="3" spans="2:17" ht="15.75" customHeight="1">
      <c r="B3" s="15"/>
      <c r="C3" s="16"/>
      <c r="D3" s="16"/>
      <c r="E3" s="16"/>
      <c r="F3" s="16"/>
      <c r="G3" s="16"/>
      <c r="H3" s="16"/>
      <c r="I3" s="17"/>
      <c r="J3" s="18"/>
      <c r="K3" s="19"/>
      <c r="L3" s="19"/>
      <c r="M3" s="20"/>
    </row>
    <row r="4" spans="2:17" ht="27.75" customHeight="1" thickBot="1">
      <c r="B4" s="12" t="s">
        <v>30</v>
      </c>
      <c r="C4" s="13"/>
      <c r="D4" s="13"/>
      <c r="E4" s="13"/>
      <c r="F4" s="13"/>
      <c r="G4" s="13"/>
      <c r="H4" s="13"/>
      <c r="I4" s="14"/>
      <c r="J4" s="21"/>
      <c r="K4" s="22"/>
      <c r="L4" s="22"/>
      <c r="M4" s="23"/>
    </row>
    <row r="5" spans="2:17" ht="15.75" thickBot="1">
      <c r="B5" s="41"/>
      <c r="C5" s="42"/>
      <c r="D5" s="43" t="s">
        <v>10</v>
      </c>
      <c r="E5" s="43" t="s">
        <v>17</v>
      </c>
      <c r="F5" s="43" t="s">
        <v>24</v>
      </c>
      <c r="G5" s="43" t="s">
        <v>0</v>
      </c>
      <c r="H5" s="44" t="s">
        <v>1</v>
      </c>
      <c r="I5" s="45" t="s">
        <v>12</v>
      </c>
      <c r="J5" s="46" t="s">
        <v>23</v>
      </c>
      <c r="K5" s="47" t="s">
        <v>11</v>
      </c>
      <c r="L5" s="48" t="s">
        <v>19</v>
      </c>
      <c r="M5" s="48" t="s">
        <v>20</v>
      </c>
    </row>
    <row r="6" spans="2:17" ht="111" customHeight="1">
      <c r="B6" s="49" t="s">
        <v>13</v>
      </c>
      <c r="C6" s="47" t="s">
        <v>2</v>
      </c>
      <c r="D6" s="50" t="s">
        <v>26</v>
      </c>
      <c r="E6" s="47" t="s">
        <v>28</v>
      </c>
      <c r="F6" s="47" t="s">
        <v>6</v>
      </c>
      <c r="G6" s="47" t="s">
        <v>5</v>
      </c>
      <c r="H6" s="48" t="s">
        <v>4</v>
      </c>
      <c r="I6" s="48" t="s">
        <v>8</v>
      </c>
      <c r="J6" s="48" t="s">
        <v>22</v>
      </c>
      <c r="K6" s="48" t="s">
        <v>3</v>
      </c>
      <c r="L6" s="48" t="s">
        <v>7</v>
      </c>
      <c r="M6" s="48" t="s">
        <v>9</v>
      </c>
      <c r="N6" s="1"/>
      <c r="O6" s="1"/>
      <c r="P6" s="1"/>
    </row>
    <row r="7" spans="2:17" ht="330.75" thickBot="1">
      <c r="B7" s="51" t="s">
        <v>21</v>
      </c>
      <c r="C7" s="7" t="s">
        <v>32</v>
      </c>
      <c r="D7" s="3"/>
      <c r="E7" s="3"/>
      <c r="F7" s="4" t="s">
        <v>31</v>
      </c>
      <c r="G7" s="4">
        <v>36</v>
      </c>
      <c r="H7" s="9"/>
      <c r="I7" s="9">
        <f>ROUND(G7*H7,2)</f>
        <v>0</v>
      </c>
      <c r="J7" s="10"/>
      <c r="K7" s="9">
        <f>ROUND(I7*J7,2)</f>
        <v>0</v>
      </c>
      <c r="L7" s="9">
        <f>ROUND(M7/G7,2)</f>
        <v>0</v>
      </c>
      <c r="M7" s="9">
        <f>ROUND(SUM(I7,K7),2)</f>
        <v>0</v>
      </c>
      <c r="N7" s="1"/>
      <c r="O7" s="1"/>
      <c r="P7" s="1"/>
    </row>
    <row r="8" spans="2:17" ht="30" customHeight="1" thickBot="1">
      <c r="B8" s="24"/>
      <c r="C8" s="25"/>
      <c r="D8" s="25"/>
      <c r="E8" s="25"/>
      <c r="F8" s="25"/>
      <c r="G8" s="25"/>
      <c r="H8" s="11" t="s">
        <v>14</v>
      </c>
      <c r="I8" s="11">
        <f>SUM(I7:I7)</f>
        <v>0</v>
      </c>
      <c r="J8" s="6" t="s">
        <v>15</v>
      </c>
      <c r="K8" s="6">
        <f>SUM(K7:K7)</f>
        <v>0</v>
      </c>
      <c r="L8" s="8" t="s">
        <v>16</v>
      </c>
      <c r="M8" s="8">
        <f>SUM(M7:M7)</f>
        <v>0</v>
      </c>
      <c r="N8" s="1"/>
      <c r="O8" s="1"/>
      <c r="P8" s="1"/>
      <c r="Q8" s="2"/>
    </row>
    <row r="9" spans="2:17" ht="21.75" customHeight="1">
      <c r="B9" s="26" t="s">
        <v>25</v>
      </c>
      <c r="C9" s="27"/>
      <c r="D9" s="27"/>
      <c r="E9" s="27"/>
      <c r="F9" s="27"/>
      <c r="G9" s="27"/>
      <c r="H9" s="28"/>
      <c r="I9" s="32" t="s">
        <v>18</v>
      </c>
      <c r="J9" s="33"/>
      <c r="K9" s="33"/>
      <c r="L9" s="33"/>
      <c r="M9" s="34"/>
      <c r="N9" s="1"/>
      <c r="O9" s="1"/>
      <c r="P9" s="1"/>
    </row>
    <row r="10" spans="2:17" ht="26.25" customHeight="1">
      <c r="B10" s="29"/>
      <c r="C10" s="30"/>
      <c r="D10" s="30"/>
      <c r="E10" s="30"/>
      <c r="F10" s="30"/>
      <c r="G10" s="30"/>
      <c r="H10" s="31"/>
      <c r="I10" s="32"/>
      <c r="J10" s="33"/>
      <c r="K10" s="33"/>
      <c r="L10" s="33"/>
      <c r="M10" s="34"/>
      <c r="N10" s="1"/>
      <c r="O10" s="1"/>
      <c r="P10" s="1"/>
    </row>
    <row r="11" spans="2:17" ht="59.25" customHeight="1">
      <c r="B11" s="38" t="s">
        <v>27</v>
      </c>
      <c r="C11" s="39"/>
      <c r="D11" s="39"/>
      <c r="E11" s="39"/>
      <c r="F11" s="39"/>
      <c r="G11" s="39"/>
      <c r="H11" s="40"/>
      <c r="I11" s="35"/>
      <c r="J11" s="36"/>
      <c r="K11" s="36"/>
      <c r="L11" s="36"/>
      <c r="M11" s="37"/>
      <c r="N11" s="1"/>
      <c r="O11" s="1"/>
      <c r="P11" s="1"/>
    </row>
  </sheetData>
  <mergeCells count="7">
    <mergeCell ref="B2:I3"/>
    <mergeCell ref="J2:M4"/>
    <mergeCell ref="B4:I4"/>
    <mergeCell ref="B8:G8"/>
    <mergeCell ref="B9:H10"/>
    <mergeCell ref="I9:M11"/>
    <mergeCell ref="B11:H11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1-11-22T06:47:47Z</cp:lastPrinted>
  <dcterms:created xsi:type="dcterms:W3CDTF">2012-02-10T11:34:38Z</dcterms:created>
  <dcterms:modified xsi:type="dcterms:W3CDTF">2021-11-22T06:49:30Z</dcterms:modified>
</cp:coreProperties>
</file>